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lang w:eastAsia="cs-CZ"/>
        </w:rPr>
        <w:t>Dobrý den,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lang w:eastAsia="cs-CZ"/>
        </w:rPr>
        <w:t> 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lang w:eastAsia="cs-CZ"/>
        </w:rPr>
        <w:t xml:space="preserve">Potvrzuji přijetí dnešní spotřeby ze závozu, pac. </w:t>
      </w:r>
      <w:r w:rsidR="00815001">
        <w:rPr>
          <w:rFonts w:ascii="Calibri" w:eastAsia="Times New Roman" w:hAnsi="Calibri" w:cs="Calibri"/>
          <w:lang w:eastAsia="cs-CZ"/>
        </w:rPr>
        <w:t>XXXXXXX</w:t>
      </w:r>
      <w:r w:rsidRPr="00CE49C1">
        <w:rPr>
          <w:rFonts w:ascii="Calibri" w:eastAsia="Times New Roman" w:hAnsi="Calibri" w:cs="Calibri"/>
          <w:lang w:eastAsia="cs-CZ"/>
        </w:rPr>
        <w:t>, bude fakturovaná částkou 56.040,- bez DPH a 62.764,80 Kč s DPH 12%.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lang w:eastAsia="cs-CZ"/>
        </w:rPr>
        <w:t> 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lang w:eastAsia="cs-CZ"/>
        </w:rPr>
        <w:t>S pozdravem,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lang w:eastAsia="cs-CZ"/>
        </w:rPr>
        <w:t> </w:t>
      </w:r>
    </w:p>
    <w:p w:rsidR="00CE49C1" w:rsidRPr="00CE49C1" w:rsidRDefault="0081500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</w:t>
      </w:r>
    </w:p>
    <w:p w:rsidR="00CE49C1" w:rsidRDefault="00CE49C1" w:rsidP="00CE49C1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</w:pPr>
      <w:r w:rsidRPr="00CE49C1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815001" w:rsidRDefault="00815001" w:rsidP="00CE49C1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</w:pPr>
    </w:p>
    <w:p w:rsidR="00815001" w:rsidRPr="00CE49C1" w:rsidRDefault="0081500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XXXX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CE49C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81500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</w:t>
      </w:r>
    </w:p>
    <w:p w:rsidR="00815001" w:rsidRDefault="00CE49C1" w:rsidP="00CE49C1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</w:pPr>
      <w:r w:rsidRPr="00CE49C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="0081500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XXXXXXXXXXXXX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CE49C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81500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  <w:bookmarkStart w:id="0" w:name="_GoBack"/>
      <w:bookmarkEnd w:id="0"/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CE49C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iz5f5kt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iz5f5kt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E49C1" w:rsidRPr="00CE49C1" w:rsidRDefault="00CE49C1" w:rsidP="00CE49C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E49C1">
        <w:rPr>
          <w:rFonts w:ascii="Calibri" w:eastAsia="Times New Roman" w:hAnsi="Calibri" w:cs="Calibri"/>
          <w:lang w:eastAsia="cs-CZ"/>
        </w:rPr>
        <w:t> </w:t>
      </w:r>
    </w:p>
    <w:p w:rsidR="00CB1609" w:rsidRDefault="00CB1609"/>
    <w:sectPr w:rsidR="00CB160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E49C1"/>
    <w:rsid w:val="00815001"/>
    <w:rsid w:val="00CB1609"/>
    <w:rsid w:val="00CE49C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CE49C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CE49C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CE49C1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CE49C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CE49C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CE49C1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853626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7</Words>
  <Characters>342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9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7-22T06:19:00Z</cp:lastPrinted>
  <dcterms:created xsi:type="dcterms:W3CDTF">2025-07-22T06:23:00Z</dcterms:created>
  <dcterms:modified xsi:type="dcterms:W3CDTF">2025-07-22T06:23:00Z</dcterms:modified>
</cp:coreProperties>
</file>